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sldIdLst>
    <p:sldId id="269" r:id="rId2"/>
    <p:sldId id="96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CCC"/>
    <a:srgbClr val="FFD248"/>
    <a:srgbClr val="37A76F"/>
    <a:srgbClr val="455F51"/>
    <a:srgbClr val="31937B"/>
    <a:srgbClr val="297D53"/>
    <a:srgbClr val="9BD3B7"/>
    <a:srgbClr val="A5A5A5"/>
    <a:srgbClr val="FFD966"/>
    <a:srgbClr val="F0F5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46F890A9-2807-4EBB-B81D-B2AA78EC7F39}" styleName="Dark Style 2 - Accent 5/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132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9EB1B7-E52B-4BC3-953D-86585437E5AE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B7B4005-0215-4676-B045-A2AFDB44E36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55785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C46803-3052-4E04-B989-2CB8AF1FCA0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E3E189F-AAFA-4361-A584-9F6FE2529F3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7E207A-BA0E-451F-B2C0-2529EDCD34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2615D6-36D0-4A2D-A9F1-8634C4C1E6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56CBA1-1046-42F8-ACD5-E892F5D032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37564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E37FF-9F91-42AE-943B-16CABF599F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46BB280-45A5-475D-875B-48694E11AE4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ED3258-EAEB-440A-99C2-D36BC81F39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42379F-9A63-4D8A-B31F-FEFCD4DF48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034C5E-2088-45B5-B7FA-1F89093451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54411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4ED2095-B80F-4AFF-9D06-577FFA0118B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85B7C9D-033C-4FEA-9EF6-469E5C69C7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EE6633-4D60-4A2A-918E-535A2A4840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20E5C2-0D91-4AE5-9FE7-1859583DC2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6E438B-ECEB-48E5-B4E7-37A2E86DA3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833353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F6B9FE-6987-41C2-B678-6EE88876CF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BC576E-209B-4D8E-8A32-B28CFCCE1B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B41449-5212-4194-95A5-984326C2F5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9FB5E-4C77-473B-8F84-CB0FCA85FC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5491AB4-4C2D-4DD9-9D32-6C9C0C3523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53567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22CE7B-9B38-4010-A165-7B99452B7A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D452FB4-AAF6-43E6-937E-5B96FA9702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B2A180-D7D5-4C4A-AC90-9784D097C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37CAD-E021-4D1C-A3E6-ACD27E65D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75B977D-D3DB-423C-B8D8-CE385E1AAB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53021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551F52-634F-47BA-B3B0-8C3C7E02FA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87FF1C-9048-4B5B-85BE-F6DE8192425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550331C-59F3-4AAE-8B78-D161C11D06E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9DF6758-3A0A-4483-AC8C-18D8CD5DF1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18E8A61-9A3A-4626-A434-E41587A8A5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36E8E71-56F6-4658-A13B-07D69C0AA8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94338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8E62B7-6106-42A2-B23A-C8DBCA208F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1589BF-C721-4FBA-AD7E-91B47D4683A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B8E3B70-B334-4F5B-8F4D-F0281981A2F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0365239-F736-4971-99F9-A68768DA928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076C2CF-5DD2-49D8-A7B6-2437D4D1E83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13FB820-14F2-47F6-BD48-F6FB35FA59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CBF4297-23DF-4858-B33A-B143877384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5E840D4-6C52-4DAF-A253-871E059E3D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17868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D51199-1E35-4BC6-AA65-1C69A2A1E5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4F538A2-D757-4818-95A9-F609BC004B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D6CFAAA-F667-4449-9977-EC1CDCD4C5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7FEE0BC-3117-4927-A384-0E2B15D96E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9641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B677510-B631-4D04-A923-B5CE79C2F3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09BD0C3-A94E-415D-BF19-93F3F3EB52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34F5EF-9FB2-4AFE-A8FE-3BCC98ECD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076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416003-63E4-4180-9217-358839A598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E94594F-8F74-45F7-AD1F-A24FF6EE84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C7C7AA-3FD2-4002-B652-7BFA0293D3F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13E5AFA-BE5F-43C9-8C3C-9CBA90A9D6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CEF5457-E8B6-4285-9381-5EC1167AFE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C22035C-817F-4ABA-A70F-89D7643907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62273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13B64F-E8CA-4834-A2B1-9C502FCF91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58DBE8D-D0DB-44E1-912C-AE208477B44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BAA496A-6ED3-463C-98A7-6711414F659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A9776F9-45AF-4698-9BAD-BD3C478714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21D381-4913-43B9-A408-8506F9720C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AE2133-B355-44BF-97D6-D03CE1E441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42681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B6A3BFC-FFE6-4F9E-93B0-7E17C09D45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0CA23CE-15FA-47CF-AEB5-F493767C896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7C2A89-3487-43F7-8E23-5D88A6A9A08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4B9E25-C48B-4D33-98B5-41F5BDED12F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60C68E-01A5-47D6-985E-D442A30839B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2354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2199990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" name="OTLSHAPE_T_e10fdd30256f4709986a50f706fcefda_LeftVerticalConnector1">
            <a:extLst>
              <a:ext uri="{FF2B5EF4-FFF2-40B4-BE49-F238E27FC236}">
                <a16:creationId xmlns:a16="http://schemas.microsoft.com/office/drawing/2014/main" id="{7EA762C2-6168-43AE-A2D6-0EC1A8D5DA5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86312" y="2211453"/>
            <a:ext cx="0" cy="223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e10fdd30256f4709986a50f706fcefda_LeftVerticalConnector2">
            <a:extLst>
              <a:ext uri="{FF2B5EF4-FFF2-40B4-BE49-F238E27FC236}">
                <a16:creationId xmlns:a16="http://schemas.microsoft.com/office/drawing/2014/main" id="{527513BA-CCEC-4AA8-B398-7FEC63F1993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86312" y="2676315"/>
            <a:ext cx="0" cy="28100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e10fdd30256f4709986a50f706fcefda_RightVerticalConnector1">
            <a:extLst>
              <a:ext uri="{FF2B5EF4-FFF2-40B4-BE49-F238E27FC236}">
                <a16:creationId xmlns:a16="http://schemas.microsoft.com/office/drawing/2014/main" id="{DBBF888A-21F2-4077-8B50-37E019901D7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299398" y="2211453"/>
            <a:ext cx="0" cy="223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c6cf67056ac04144b059e3108187c59c_RightVerticalConnector1">
            <a:extLst>
              <a:ext uri="{FF2B5EF4-FFF2-40B4-BE49-F238E27FC236}">
                <a16:creationId xmlns:a16="http://schemas.microsoft.com/office/drawing/2014/main" id="{DF1CEBC0-12C1-4E97-A12F-5CB1223DCA6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547058" y="3385102"/>
            <a:ext cx="0" cy="223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6cf67056ac04144b059e3108187c59c_RightVerticalConnector2">
            <a:extLst>
              <a:ext uri="{FF2B5EF4-FFF2-40B4-BE49-F238E27FC236}">
                <a16:creationId xmlns:a16="http://schemas.microsoft.com/office/drawing/2014/main" id="{ADFE9A2B-EBCB-488C-B6FF-D5427E19585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547058" y="384640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6d7e8f5d7d7488aa7a0f235bcdc99d5_RightVerticalConnector1">
            <a:extLst>
              <a:ext uri="{FF2B5EF4-FFF2-40B4-BE49-F238E27FC236}">
                <a16:creationId xmlns:a16="http://schemas.microsoft.com/office/drawing/2014/main" id="{82B3E7AA-2CB2-4204-9873-CC5723FF809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863817" y="4555194"/>
            <a:ext cx="0" cy="5248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d6be110b01f42148831f9d5e736b478_LeftVerticalConnector1">
            <a:extLst>
              <a:ext uri="{FF2B5EF4-FFF2-40B4-BE49-F238E27FC236}">
                <a16:creationId xmlns:a16="http://schemas.microsoft.com/office/drawing/2014/main" id="{E57B32B4-1F53-42BA-B632-27F3A270075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364647" y="2841415"/>
            <a:ext cx="0" cy="26449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" name="OTLSHAPE_T_ad9b37afa3564cfa92005eda350aded8_LeftVerticalConnector1">
            <a:extLst>
              <a:ext uri="{FF2B5EF4-FFF2-40B4-BE49-F238E27FC236}">
                <a16:creationId xmlns:a16="http://schemas.microsoft.com/office/drawing/2014/main" id="{5439881C-2755-412D-86B5-AB1CC80562A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577756" y="4011507"/>
            <a:ext cx="0" cy="14748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T_88ccd2c4d3184b64ac8965804646b112_LeftVerticalConnector1">
            <a:extLst>
              <a:ext uri="{FF2B5EF4-FFF2-40B4-BE49-F238E27FC236}">
                <a16:creationId xmlns:a16="http://schemas.microsoft.com/office/drawing/2014/main" id="{64487986-594A-4B75-A3B4-36B3725D8B3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894515" y="5181600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10fdd30256f4709986a50f706fcefda_RightVerticalConnector2">
            <a:extLst>
              <a:ext uri="{FF2B5EF4-FFF2-40B4-BE49-F238E27FC236}">
                <a16:creationId xmlns:a16="http://schemas.microsoft.com/office/drawing/2014/main" id="{4CE416EB-8223-7804-4D75-B72F843910F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299398" y="2676315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10fdd30256f4709986a50f706fcefda_RightVerticalConnector3">
            <a:extLst>
              <a:ext uri="{FF2B5EF4-FFF2-40B4-BE49-F238E27FC236}">
                <a16:creationId xmlns:a16="http://schemas.microsoft.com/office/drawing/2014/main" id="{D9466D74-7313-AAAD-8740-E325AB7B917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299398" y="2943015"/>
            <a:ext cx="0" cy="25433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c6cf67056ac04144b059e3108187c59c_RightVerticalConnector3">
            <a:extLst>
              <a:ext uri="{FF2B5EF4-FFF2-40B4-BE49-F238E27FC236}">
                <a16:creationId xmlns:a16="http://schemas.microsoft.com/office/drawing/2014/main" id="{0D9CF4B0-2A31-EB6F-9798-EE7B85AD95B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547058" y="4113107"/>
            <a:ext cx="0" cy="13732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T_c6d7e8f5d7d7488aa7a0f235bcdc99d5_RightVerticalConnector2">
            <a:extLst>
              <a:ext uri="{FF2B5EF4-FFF2-40B4-BE49-F238E27FC236}">
                <a16:creationId xmlns:a16="http://schemas.microsoft.com/office/drawing/2014/main" id="{6B61F34B-ED5A-C5E4-EF71-817DBB74BEF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863817" y="52832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806B228-BDF0-420C-B6DC-5EA56C41A32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5486400"/>
            <a:ext cx="10515600" cy="254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98975ED-6F20-4E51-8D5A-A1C21D12626A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07965" y="5520372"/>
            <a:ext cx="2035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1265728-B4AA-44DB-85DC-C1EBDA6B74F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979002" y="5520372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590E671-7005-4BAE-B043-6C84D26586F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946390" y="5520372"/>
            <a:ext cx="25808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23672CE-6E5F-40F3-9C5F-A476ADA104C9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017427" y="5520372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03FB93D1-D9B4-4EEC-A0EB-5809E7A24E1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053914" y="552037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A6A34AA7-0D85-4776-A989-45AE9619EA0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124951" y="552037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00991A18-EBF0-4A55-AC92-441AD7D88B3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161438" y="55203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F251DC1E-2DC7-40AF-8118-5E29D13D6C6C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232474" y="5520372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48A59656-FEC6-491D-B6EE-FC7F4EE5729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303511" y="5520372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B07690B-DCFE-4DD1-8214-453EACB511C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0339998" y="55203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214" name="OTLSHAPE_TB_00000000000000000000000000000000_ScaleMarking1">
            <a:extLst>
              <a:ext uri="{FF2B5EF4-FFF2-40B4-BE49-F238E27FC236}">
                <a16:creationId xmlns:a16="http://schemas.microsoft.com/office/drawing/2014/main" id="{FB974075-69F1-47A5-BE0F-5AC3F7CFEF8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07965" y="53003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" name="OTLSHAPE_T_e10fdd30256f4709986a50f706fcefda_Shape">
            <a:extLst>
              <a:ext uri="{FF2B5EF4-FFF2-40B4-BE49-F238E27FC236}">
                <a16:creationId xmlns:a16="http://schemas.microsoft.com/office/drawing/2014/main" id="{653D2D94-E5A8-47AC-8FF6-FBC1F0A328B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86312" y="2051391"/>
            <a:ext cx="3213100" cy="32012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T_08e0bedf0de5468bb66850337b8fdc6a_Shape">
            <a:extLst>
              <a:ext uri="{FF2B5EF4-FFF2-40B4-BE49-F238E27FC236}">
                <a16:creationId xmlns:a16="http://schemas.microsoft.com/office/drawing/2014/main" id="{0B2D7A5E-BD66-4390-9844-2B4E52BB0A6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86312" y="2435015"/>
            <a:ext cx="5969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T_1b0e56a2e8c6404a875d0007c4a3b646_Shape">
            <a:extLst>
              <a:ext uri="{FF2B5EF4-FFF2-40B4-BE49-F238E27FC236}">
                <a16:creationId xmlns:a16="http://schemas.microsoft.com/office/drawing/2014/main" id="{46D99446-3D66-46AD-ACA8-DE489C5322F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708205" y="2435015"/>
            <a:ext cx="6223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T_72cf47d64a664220b807029070bdb522_Shape">
            <a:extLst>
              <a:ext uri="{FF2B5EF4-FFF2-40B4-BE49-F238E27FC236}">
                <a16:creationId xmlns:a16="http://schemas.microsoft.com/office/drawing/2014/main" id="{87B7B2DB-085B-4DE4-A4EF-D3EB08E94A0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64647" y="2435015"/>
            <a:ext cx="5969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T_20525e9543594c53acbe00ab056a6077_Shape">
            <a:extLst>
              <a:ext uri="{FF2B5EF4-FFF2-40B4-BE49-F238E27FC236}">
                <a16:creationId xmlns:a16="http://schemas.microsoft.com/office/drawing/2014/main" id="{8478E177-9C6F-4BAB-84A1-39B51FC1520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986539" y="2435015"/>
            <a:ext cx="6223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8" name="OTLSHAPE_T_3770cf2a2afe4f3e9397ef9cad817db1_Shape">
            <a:extLst>
              <a:ext uri="{FF2B5EF4-FFF2-40B4-BE49-F238E27FC236}">
                <a16:creationId xmlns:a16="http://schemas.microsoft.com/office/drawing/2014/main" id="{D3528E3A-BD83-407C-AE2F-D634F916465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642981" y="2435015"/>
            <a:ext cx="6604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" name="OTLSHAPE_T_6d6be110b01f42148831f9d5e736b478_Shape">
            <a:extLst>
              <a:ext uri="{FF2B5EF4-FFF2-40B4-BE49-F238E27FC236}">
                <a16:creationId xmlns:a16="http://schemas.microsoft.com/office/drawing/2014/main" id="{DF79B080-7723-4DA0-BD5A-3EC3B9165DD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364647" y="2739815"/>
            <a:ext cx="1943100" cy="203200"/>
          </a:xfrm>
          <a:prstGeom prst="roundRect">
            <a:avLst/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4" name="OTLSHAPE_T_c6cf67056ac04144b059e3108187c59c_Shape">
            <a:extLst>
              <a:ext uri="{FF2B5EF4-FFF2-40B4-BE49-F238E27FC236}">
                <a16:creationId xmlns:a16="http://schemas.microsoft.com/office/drawing/2014/main" id="{C72C99CF-31FE-4190-B3C0-3B397FAA70D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299422" y="3225039"/>
            <a:ext cx="3251200" cy="32012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2" name="OTLSHAPE_T_af1e3d0a3492408f847e4063645d2402_Shape">
            <a:extLst>
              <a:ext uri="{FF2B5EF4-FFF2-40B4-BE49-F238E27FC236}">
                <a16:creationId xmlns:a16="http://schemas.microsoft.com/office/drawing/2014/main" id="{AD423185-4800-4DB7-902A-1DB733F32B3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299422" y="3608663"/>
            <a:ext cx="5969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T_294fe748a7124b39a3acbcb66a8d913c_Shape">
            <a:extLst>
              <a:ext uri="{FF2B5EF4-FFF2-40B4-BE49-F238E27FC236}">
                <a16:creationId xmlns:a16="http://schemas.microsoft.com/office/drawing/2014/main" id="{CF09919A-2C1F-4B52-BBF2-46DCFD29011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921315" y="3608663"/>
            <a:ext cx="6223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8" name="OTLSHAPE_T_d98c036bb1f841bc99dfa208eddc8054_Shape">
            <a:extLst>
              <a:ext uri="{FF2B5EF4-FFF2-40B4-BE49-F238E27FC236}">
                <a16:creationId xmlns:a16="http://schemas.microsoft.com/office/drawing/2014/main" id="{3DFC8EEC-7A19-42CC-BAAF-C9C20415A97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577756" y="3608663"/>
            <a:ext cx="6604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6" name="OTLSHAPE_T_b82343b70b944a62aa68c61d81a90236_Shape">
            <a:extLst>
              <a:ext uri="{FF2B5EF4-FFF2-40B4-BE49-F238E27FC236}">
                <a16:creationId xmlns:a16="http://schemas.microsoft.com/office/drawing/2014/main" id="{B4DD7080-B58F-4615-8C02-59C913C4B1D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268748" y="3608663"/>
            <a:ext cx="6604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T_0b8a399a5245490a8a28b470015e1c27_Shape">
            <a:extLst>
              <a:ext uri="{FF2B5EF4-FFF2-40B4-BE49-F238E27FC236}">
                <a16:creationId xmlns:a16="http://schemas.microsoft.com/office/drawing/2014/main" id="{A528843E-52DF-49D3-9F7B-5DF5603DF0C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959740" y="3608663"/>
            <a:ext cx="5969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2" name="OTLSHAPE_T_ad9b37afa3564cfa92005eda350aded8_Shape">
            <a:extLst>
              <a:ext uri="{FF2B5EF4-FFF2-40B4-BE49-F238E27FC236}">
                <a16:creationId xmlns:a16="http://schemas.microsoft.com/office/drawing/2014/main" id="{87031C00-ACC6-49AE-9C65-A3FC7E82F8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577756" y="3909907"/>
            <a:ext cx="1981200" cy="203200"/>
          </a:xfrm>
          <a:prstGeom prst="roundRect">
            <a:avLst/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" name="OTLSHAPE_T_c6d7e8f5d7d7488aa7a0f235bcdc99d5_Shape">
            <a:extLst>
              <a:ext uri="{FF2B5EF4-FFF2-40B4-BE49-F238E27FC236}">
                <a16:creationId xmlns:a16="http://schemas.microsoft.com/office/drawing/2014/main" id="{30F0C45B-AF0E-4918-9B74-53E67C14D09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547082" y="4395132"/>
            <a:ext cx="3327400" cy="32012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8" name="OTLSHAPE_T_f72b7f0211c94b7a9dcd438f1a1c6b4a_Shape">
            <a:extLst>
              <a:ext uri="{FF2B5EF4-FFF2-40B4-BE49-F238E27FC236}">
                <a16:creationId xmlns:a16="http://schemas.microsoft.com/office/drawing/2014/main" id="{73D48219-AA97-4311-842A-A90EE10D31B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547082" y="4778756"/>
            <a:ext cx="6223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T_b6310780303246538f3e28bec1306c43_Shape">
            <a:extLst>
              <a:ext uri="{FF2B5EF4-FFF2-40B4-BE49-F238E27FC236}">
                <a16:creationId xmlns:a16="http://schemas.microsoft.com/office/drawing/2014/main" id="{4CCEED07-D5FC-4A44-A045-1629E15EEE1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203524" y="4778756"/>
            <a:ext cx="6604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4" name="OTLSHAPE_T_71f68cbe48c1449cb3c29475e60a1f2e_Shape">
            <a:extLst>
              <a:ext uri="{FF2B5EF4-FFF2-40B4-BE49-F238E27FC236}">
                <a16:creationId xmlns:a16="http://schemas.microsoft.com/office/drawing/2014/main" id="{43A38A45-D1DE-4A18-A477-4450EE67FDF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894515" y="4778756"/>
            <a:ext cx="5969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2" name="OTLSHAPE_T_490582bcde8f41f4b19cfa6e6b35c0e3_Shape">
            <a:extLst>
              <a:ext uri="{FF2B5EF4-FFF2-40B4-BE49-F238E27FC236}">
                <a16:creationId xmlns:a16="http://schemas.microsoft.com/office/drawing/2014/main" id="{E605EF74-0B1F-43A4-9236-40AD1C7C991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516408" y="4778756"/>
            <a:ext cx="6223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0" name="OTLSHAPE_T_684f9152c4f941f1b402a14964074faa_Shape">
            <a:extLst>
              <a:ext uri="{FF2B5EF4-FFF2-40B4-BE49-F238E27FC236}">
                <a16:creationId xmlns:a16="http://schemas.microsoft.com/office/drawing/2014/main" id="{44C7A0C6-64E6-4731-87F4-1C3614E784C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172850" y="4778756"/>
            <a:ext cx="6604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T_88ccd2c4d3184b64ac8965804646b112_Shape">
            <a:extLst>
              <a:ext uri="{FF2B5EF4-FFF2-40B4-BE49-F238E27FC236}">
                <a16:creationId xmlns:a16="http://schemas.microsoft.com/office/drawing/2014/main" id="{25186E21-243F-4CC6-96E6-4A93EE4AA7A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894515" y="5080000"/>
            <a:ext cx="1981200" cy="203200"/>
          </a:xfrm>
          <a:prstGeom prst="roundRect">
            <a:avLst/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T_e10fdd30256f4709986a50f706fcefda_Duration">
            <a:extLst>
              <a:ext uri="{FF2B5EF4-FFF2-40B4-BE49-F238E27FC236}">
                <a16:creationId xmlns:a16="http://schemas.microsoft.com/office/drawing/2014/main" id="{2E893914-733B-4275-BF6A-94C2B3CA020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350198" y="2118425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1" u="none" strike="noStrike" kern="1200" cap="none" spc="-12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7 days</a:t>
            </a:r>
          </a:p>
        </p:txBody>
      </p:sp>
      <p:sp>
        <p:nvSpPr>
          <p:cNvPr id="43" name="OTLSHAPE_T_e10fdd30256f4709986a50f706fcefda_JoinedDate">
            <a:extLst>
              <a:ext uri="{FF2B5EF4-FFF2-40B4-BE49-F238E27FC236}">
                <a16:creationId xmlns:a16="http://schemas.microsoft.com/office/drawing/2014/main" id="{BB8A225D-0C88-41F2-A940-623DDAFBC2A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86312" y="189636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8 - Apr 10</a:t>
            </a:r>
          </a:p>
        </p:txBody>
      </p:sp>
      <p:sp>
        <p:nvSpPr>
          <p:cNvPr id="44" name="OTLSHAPE_T_e10fdd30256f4709986a50f706fcefda_Title">
            <a:extLst>
              <a:ext uri="{FF2B5EF4-FFF2-40B4-BE49-F238E27FC236}">
                <a16:creationId xmlns:a16="http://schemas.microsoft.com/office/drawing/2014/main" id="{07AE7EAF-2884-443C-89DF-F2262D01772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393432" y="2118425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1</a:t>
            </a:r>
          </a:p>
        </p:txBody>
      </p:sp>
      <p:sp>
        <p:nvSpPr>
          <p:cNvPr id="53" name="OTLSHAPE_T_08e0bedf0de5468bb66850337b8fdc6a_Title">
            <a:extLst>
              <a:ext uri="{FF2B5EF4-FFF2-40B4-BE49-F238E27FC236}">
                <a16:creationId xmlns:a16="http://schemas.microsoft.com/office/drawing/2014/main" id="{4500F041-37A3-4664-A3BA-B0CAD62A06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175671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</a:t>
            </a:r>
          </a:p>
        </p:txBody>
      </p:sp>
      <p:sp>
        <p:nvSpPr>
          <p:cNvPr id="61" name="OTLSHAPE_T_1b0e56a2e8c6404a875d0007c4a3b646_Title">
            <a:extLst>
              <a:ext uri="{FF2B5EF4-FFF2-40B4-BE49-F238E27FC236}">
                <a16:creationId xmlns:a16="http://schemas.microsoft.com/office/drawing/2014/main" id="{9CF53372-A84D-40F3-90AE-5A4FBF1006B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814838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2</a:t>
            </a:r>
          </a:p>
        </p:txBody>
      </p:sp>
      <p:sp>
        <p:nvSpPr>
          <p:cNvPr id="69" name="OTLSHAPE_T_72cf47d64a664220b807029070bdb522_Title">
            <a:extLst>
              <a:ext uri="{FF2B5EF4-FFF2-40B4-BE49-F238E27FC236}">
                <a16:creationId xmlns:a16="http://schemas.microsoft.com/office/drawing/2014/main" id="{07B3C37E-87DC-46ED-B3F3-8A2AAE67C9E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454005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3</a:t>
            </a:r>
          </a:p>
        </p:txBody>
      </p:sp>
      <p:sp>
        <p:nvSpPr>
          <p:cNvPr id="77" name="OTLSHAPE_T_20525e9543594c53acbe00ab056a6077_Title">
            <a:extLst>
              <a:ext uri="{FF2B5EF4-FFF2-40B4-BE49-F238E27FC236}">
                <a16:creationId xmlns:a16="http://schemas.microsoft.com/office/drawing/2014/main" id="{27EC7394-F91A-4A23-9D51-F59789A58ED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093172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4</a:t>
            </a:r>
          </a:p>
        </p:txBody>
      </p:sp>
      <p:sp>
        <p:nvSpPr>
          <p:cNvPr id="85" name="OTLSHAPE_T_3770cf2a2afe4f3e9397ef9cad817db1_Title">
            <a:extLst>
              <a:ext uri="{FF2B5EF4-FFF2-40B4-BE49-F238E27FC236}">
                <a16:creationId xmlns:a16="http://schemas.microsoft.com/office/drawing/2014/main" id="{064FE89F-64E3-449D-A773-1ECB7939C93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766889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5</a:t>
            </a:r>
          </a:p>
        </p:txBody>
      </p:sp>
      <p:sp>
        <p:nvSpPr>
          <p:cNvPr id="93" name="OTLSHAPE_T_6d6be110b01f42148831f9d5e736b478_Title">
            <a:extLst>
              <a:ext uri="{FF2B5EF4-FFF2-40B4-BE49-F238E27FC236}">
                <a16:creationId xmlns:a16="http://schemas.microsoft.com/office/drawing/2014/main" id="{FEFD4A6B-966C-4B08-87B2-DCA10601883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838056" y="275615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A + Refinement</a:t>
            </a:r>
          </a:p>
        </p:txBody>
      </p:sp>
      <p:sp>
        <p:nvSpPr>
          <p:cNvPr id="96" name="OTLSHAPE_T_c6cf67056ac04144b059e3108187c59c_Duration">
            <a:extLst>
              <a:ext uri="{FF2B5EF4-FFF2-40B4-BE49-F238E27FC236}">
                <a16:creationId xmlns:a16="http://schemas.microsoft.com/office/drawing/2014/main" id="{24F426AC-1FF8-42E1-BCE4-D13BC6B7033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597858" y="329207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1" u="none" strike="noStrike" kern="1200" cap="none" spc="-1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8 days</a:t>
            </a:r>
          </a:p>
        </p:txBody>
      </p:sp>
      <p:sp>
        <p:nvSpPr>
          <p:cNvPr id="99" name="OTLSHAPE_T_c6cf67056ac04144b059e3108187c59c_JoinedDate">
            <a:extLst>
              <a:ext uri="{FF2B5EF4-FFF2-40B4-BE49-F238E27FC236}">
                <a16:creationId xmlns:a16="http://schemas.microsoft.com/office/drawing/2014/main" id="{275B2A23-378B-44F9-B326-D6D8DC0FC6F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299422" y="307001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1 - Jul 13</a:t>
            </a:r>
          </a:p>
        </p:txBody>
      </p:sp>
      <p:sp>
        <p:nvSpPr>
          <p:cNvPr id="100" name="OTLSHAPE_T_c6cf67056ac04144b059e3108187c59c_Title">
            <a:extLst>
              <a:ext uri="{FF2B5EF4-FFF2-40B4-BE49-F238E27FC236}">
                <a16:creationId xmlns:a16="http://schemas.microsoft.com/office/drawing/2014/main" id="{A6DD9567-D424-40F5-9316-5BA5D65A132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623817" y="3292074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2</a:t>
            </a:r>
          </a:p>
        </p:txBody>
      </p:sp>
      <p:sp>
        <p:nvSpPr>
          <p:cNvPr id="108" name="OTLSHAPE_T_af1e3d0a3492408f847e4063645d2402_Title">
            <a:extLst>
              <a:ext uri="{FF2B5EF4-FFF2-40B4-BE49-F238E27FC236}">
                <a16:creationId xmlns:a16="http://schemas.microsoft.com/office/drawing/2014/main" id="{774198C2-E4B7-458E-AFC6-52A8145B3C7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388781" y="3650023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6</a:t>
            </a:r>
          </a:p>
        </p:txBody>
      </p:sp>
      <p:sp>
        <p:nvSpPr>
          <p:cNvPr id="116" name="OTLSHAPE_T_294fe748a7124b39a3acbcb66a8d913c_Title">
            <a:extLst>
              <a:ext uri="{FF2B5EF4-FFF2-40B4-BE49-F238E27FC236}">
                <a16:creationId xmlns:a16="http://schemas.microsoft.com/office/drawing/2014/main" id="{43D726D6-D600-452A-B0E6-6F301C8BF07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027948" y="3650023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7</a:t>
            </a:r>
          </a:p>
        </p:txBody>
      </p:sp>
      <p:sp>
        <p:nvSpPr>
          <p:cNvPr id="124" name="OTLSHAPE_T_d98c036bb1f841bc99dfa208eddc8054_Title">
            <a:extLst>
              <a:ext uri="{FF2B5EF4-FFF2-40B4-BE49-F238E27FC236}">
                <a16:creationId xmlns:a16="http://schemas.microsoft.com/office/drawing/2014/main" id="{9D5AC56C-C2CF-4FD4-9EFC-59111752FA8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701665" y="3650023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8</a:t>
            </a:r>
          </a:p>
        </p:txBody>
      </p:sp>
      <p:sp>
        <p:nvSpPr>
          <p:cNvPr id="132" name="OTLSHAPE_T_b82343b70b944a62aa68c61d81a90236_Title">
            <a:extLst>
              <a:ext uri="{FF2B5EF4-FFF2-40B4-BE49-F238E27FC236}">
                <a16:creationId xmlns:a16="http://schemas.microsoft.com/office/drawing/2014/main" id="{4725599B-0F82-4608-BC9A-204E484D9D2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92656" y="3650023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9</a:t>
            </a:r>
          </a:p>
        </p:txBody>
      </p:sp>
      <p:sp>
        <p:nvSpPr>
          <p:cNvPr id="140" name="OTLSHAPE_T_0b8a399a5245490a8a28b470015e1c27_Title">
            <a:extLst>
              <a:ext uri="{FF2B5EF4-FFF2-40B4-BE49-F238E27FC236}">
                <a16:creationId xmlns:a16="http://schemas.microsoft.com/office/drawing/2014/main" id="{636714DB-BD4D-4B30-A6D0-2366C760D61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016903" y="3650023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0</a:t>
            </a:r>
          </a:p>
        </p:txBody>
      </p:sp>
      <p:sp>
        <p:nvSpPr>
          <p:cNvPr id="149" name="OTLSHAPE_T_ad9b37afa3564cfa92005eda350aded8_Title">
            <a:extLst>
              <a:ext uri="{FF2B5EF4-FFF2-40B4-BE49-F238E27FC236}">
                <a16:creationId xmlns:a16="http://schemas.microsoft.com/office/drawing/2014/main" id="{EA167BA6-1FBC-46AA-8975-18EF19844A1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068441" y="3926248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A + Refinement</a:t>
            </a:r>
          </a:p>
        </p:txBody>
      </p:sp>
      <p:sp>
        <p:nvSpPr>
          <p:cNvPr id="152" name="OTLSHAPE_T_c6d7e8f5d7d7488aa7a0f235bcdc99d5_Duration">
            <a:extLst>
              <a:ext uri="{FF2B5EF4-FFF2-40B4-BE49-F238E27FC236}">
                <a16:creationId xmlns:a16="http://schemas.microsoft.com/office/drawing/2014/main" id="{7CAF315C-55B1-49C8-8817-CD429E7876C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914617" y="4462166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1" u="none" strike="noStrike" kern="1200" cap="none" spc="-12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8 days</a:t>
            </a:r>
          </a:p>
        </p:txBody>
      </p:sp>
      <p:sp>
        <p:nvSpPr>
          <p:cNvPr id="156" name="OTLSHAPE_T_c6d7e8f5d7d7488aa7a0f235bcdc99d5_JoinedDate">
            <a:extLst>
              <a:ext uri="{FF2B5EF4-FFF2-40B4-BE49-F238E27FC236}">
                <a16:creationId xmlns:a16="http://schemas.microsoft.com/office/drawing/2014/main" id="{707AB8E5-82E2-4DCE-9A6C-796DFD8D550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547082" y="424010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4 - Oct 17</a:t>
            </a:r>
          </a:p>
        </p:txBody>
      </p:sp>
      <p:sp>
        <p:nvSpPr>
          <p:cNvPr id="157" name="OTLSHAPE_T_c6d7e8f5d7d7488aa7a0f235bcdc99d5_Title">
            <a:extLst>
              <a:ext uri="{FF2B5EF4-FFF2-40B4-BE49-F238E27FC236}">
                <a16:creationId xmlns:a16="http://schemas.microsoft.com/office/drawing/2014/main" id="{096B630B-88CD-423A-B2A9-BEF6DF5781D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906026" y="4462166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3</a:t>
            </a:r>
          </a:p>
        </p:txBody>
      </p:sp>
      <p:sp>
        <p:nvSpPr>
          <p:cNvPr id="164" name="OTLSHAPE_T_f72b7f0211c94b7a9dcd438f1a1c6b4a_Title">
            <a:extLst>
              <a:ext uri="{FF2B5EF4-FFF2-40B4-BE49-F238E27FC236}">
                <a16:creationId xmlns:a16="http://schemas.microsoft.com/office/drawing/2014/main" id="{91C6CEE4-D668-40AA-ACD3-C1FC081610E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621521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1</a:t>
            </a:r>
          </a:p>
        </p:txBody>
      </p:sp>
      <p:sp>
        <p:nvSpPr>
          <p:cNvPr id="172" name="OTLSHAPE_T_b6310780303246538f3e28bec1306c43_Title">
            <a:extLst>
              <a:ext uri="{FF2B5EF4-FFF2-40B4-BE49-F238E27FC236}">
                <a16:creationId xmlns:a16="http://schemas.microsoft.com/office/drawing/2014/main" id="{DA05B5DB-AAE2-456D-B8C7-29A91BDDA6B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295238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2</a:t>
            </a:r>
          </a:p>
        </p:txBody>
      </p:sp>
      <p:sp>
        <p:nvSpPr>
          <p:cNvPr id="180" name="OTLSHAPE_T_71f68cbe48c1449cb3c29475e60a1f2e_Title">
            <a:extLst>
              <a:ext uri="{FF2B5EF4-FFF2-40B4-BE49-F238E27FC236}">
                <a16:creationId xmlns:a16="http://schemas.microsoft.com/office/drawing/2014/main" id="{C7AB0A2D-EFDC-4B9A-B283-6BCA0287D00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951680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3</a:t>
            </a:r>
          </a:p>
        </p:txBody>
      </p:sp>
      <p:sp>
        <p:nvSpPr>
          <p:cNvPr id="188" name="OTLSHAPE_T_490582bcde8f41f4b19cfa6e6b35c0e3_Title">
            <a:extLst>
              <a:ext uri="{FF2B5EF4-FFF2-40B4-BE49-F238E27FC236}">
                <a16:creationId xmlns:a16="http://schemas.microsoft.com/office/drawing/2014/main" id="{22E22F75-EB04-4875-A566-62CCF8687A1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590847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4</a:t>
            </a:r>
          </a:p>
        </p:txBody>
      </p:sp>
      <p:sp>
        <p:nvSpPr>
          <p:cNvPr id="196" name="OTLSHAPE_T_684f9152c4f941f1b402a14964074faa_Title">
            <a:extLst>
              <a:ext uri="{FF2B5EF4-FFF2-40B4-BE49-F238E27FC236}">
                <a16:creationId xmlns:a16="http://schemas.microsoft.com/office/drawing/2014/main" id="{10CD12D5-9EEB-4921-B223-BC72AB74C14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264563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5</a:t>
            </a:r>
          </a:p>
        </p:txBody>
      </p:sp>
      <p:sp>
        <p:nvSpPr>
          <p:cNvPr id="205" name="OTLSHAPE_T_88ccd2c4d3184b64ac8965804646b112_Title">
            <a:extLst>
              <a:ext uri="{FF2B5EF4-FFF2-40B4-BE49-F238E27FC236}">
                <a16:creationId xmlns:a16="http://schemas.microsoft.com/office/drawing/2014/main" id="{61BDA767-720C-46F5-B893-32C8B041969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385200" y="509634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A + Refinement</a:t>
            </a:r>
          </a:p>
        </p:txBody>
      </p:sp>
      <p:sp>
        <p:nvSpPr>
          <p:cNvPr id="212" name="OTLSHAPE_M_ce2baea0373841e59d64442bfab3fcd0_Shape">
            <a:extLst>
              <a:ext uri="{FF2B5EF4-FFF2-40B4-BE49-F238E27FC236}">
                <a16:creationId xmlns:a16="http://schemas.microsoft.com/office/drawing/2014/main" id="{04D9AA8D-8FFF-40F0-A43C-FF6C34C78D3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flipH="1">
            <a:off x="4185098" y="56769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" name="OTLSHAPE_M_b3cb0dee30a941b595aaa6af70cd9f04_Shape">
            <a:extLst>
              <a:ext uri="{FF2B5EF4-FFF2-40B4-BE49-F238E27FC236}">
                <a16:creationId xmlns:a16="http://schemas.microsoft.com/office/drawing/2014/main" id="{5C57823E-D55F-4A3C-8928-9C02B565ED3F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flipH="1">
            <a:off x="7432758" y="56769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M_7d0411576422432bacfc7f0692ad78fc_Shape">
            <a:extLst>
              <a:ext uri="{FF2B5EF4-FFF2-40B4-BE49-F238E27FC236}">
                <a16:creationId xmlns:a16="http://schemas.microsoft.com/office/drawing/2014/main" id="{DFCACC23-2573-43F4-901F-27F274E4EB06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flipH="1">
            <a:off x="10749517" y="56769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M_ce2baea0373841e59d64442bfab3fcd0_Title">
            <a:extLst>
              <a:ext uri="{FF2B5EF4-FFF2-40B4-BE49-F238E27FC236}">
                <a16:creationId xmlns:a16="http://schemas.microsoft.com/office/drawing/2014/main" id="{1AFABA5B-A4F7-47EA-A3B9-25E00C7E555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024930" y="613672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1</a:t>
            </a:r>
          </a:p>
        </p:txBody>
      </p:sp>
      <p:sp>
        <p:nvSpPr>
          <p:cNvPr id="30" name="OTLSHAPE_M_ce2baea0373841e59d64442bfab3fcd0_Date">
            <a:extLst>
              <a:ext uri="{FF2B5EF4-FFF2-40B4-BE49-F238E27FC236}">
                <a16:creationId xmlns:a16="http://schemas.microsoft.com/office/drawing/2014/main" id="{4A959AB3-D44C-494B-BC7E-41F32EE81CA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128414" y="5956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0</a:t>
            </a:r>
          </a:p>
        </p:txBody>
      </p:sp>
      <p:sp>
        <p:nvSpPr>
          <p:cNvPr id="32" name="OTLSHAPE_M_b3cb0dee30a941b595aaa6af70cd9f04_Title">
            <a:extLst>
              <a:ext uri="{FF2B5EF4-FFF2-40B4-BE49-F238E27FC236}">
                <a16:creationId xmlns:a16="http://schemas.microsoft.com/office/drawing/2014/main" id="{ADF5861C-F562-4ABB-95EA-D61AD62DBA6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272590" y="613672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2</a:t>
            </a:r>
          </a:p>
        </p:txBody>
      </p:sp>
      <p:sp>
        <p:nvSpPr>
          <p:cNvPr id="33" name="OTLSHAPE_M_b3cb0dee30a941b595aaa6af70cd9f04_Date">
            <a:extLst>
              <a:ext uri="{FF2B5EF4-FFF2-40B4-BE49-F238E27FC236}">
                <a16:creationId xmlns:a16="http://schemas.microsoft.com/office/drawing/2014/main" id="{16FFAB9F-AC3C-4274-BE0F-594AC3A4297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400141" y="59563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3</a:t>
            </a:r>
          </a:p>
        </p:txBody>
      </p:sp>
      <p:sp>
        <p:nvSpPr>
          <p:cNvPr id="35" name="OTLSHAPE_M_7d0411576422432bacfc7f0692ad78fc_Title">
            <a:extLst>
              <a:ext uri="{FF2B5EF4-FFF2-40B4-BE49-F238E27FC236}">
                <a16:creationId xmlns:a16="http://schemas.microsoft.com/office/drawing/2014/main" id="{3716C037-5525-4CB7-9247-EBE4D14A7F1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589349" y="613672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3</a:t>
            </a:r>
          </a:p>
        </p:txBody>
      </p:sp>
      <p:sp>
        <p:nvSpPr>
          <p:cNvPr id="36" name="OTLSHAPE_M_7d0411576422432bacfc7f0692ad78fc_Date">
            <a:extLst>
              <a:ext uri="{FF2B5EF4-FFF2-40B4-BE49-F238E27FC236}">
                <a16:creationId xmlns:a16="http://schemas.microsoft.com/office/drawing/2014/main" id="{FDA2248E-37B5-4D38-9EB2-DA05A31A519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694907" y="5956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7</a:t>
            </a:r>
          </a:p>
        </p:txBody>
      </p:sp>
      <p:sp>
        <p:nvSpPr>
          <p:cNvPr id="210" name="Title 209">
            <a:extLst>
              <a:ext uri="{FF2B5EF4-FFF2-40B4-BE49-F238E27FC236}">
                <a16:creationId xmlns:a16="http://schemas.microsoft.com/office/drawing/2014/main" id="{E8FE9E7E-93E1-43CD-83B3-CE852F71EA81}"/>
              </a:ext>
            </a:extLst>
          </p:cNvPr>
          <p:cNvSpPr>
            <a:spLocks noGrp="1"/>
          </p:cNvSpPr>
          <p:nvPr>
            <p:ph type="title"/>
            <p:custDataLst>
              <p:tags r:id="rId84"/>
            </p:custDataLst>
          </p:nvPr>
        </p:nvSpPr>
        <p:spPr>
          <a:xfrm>
            <a:off x="945959" y="310593"/>
            <a:ext cx="10353762" cy="846539"/>
          </a:xfrm>
        </p:spPr>
        <p:txBody>
          <a:bodyPr>
            <a:normAutofit/>
          </a:bodyPr>
          <a:lstStyle/>
          <a:p>
            <a:r>
              <a:rPr lang="en-US" sz="3600" dirty="0"/>
              <a:t>Product Release Schedule</a:t>
            </a: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C1DB1B4B-C0D2-4D63-A248-67B2C82BA89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45959" y="1022242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R3 Sprint Plan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57233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iIsIk9yaWdpbmFsQXNzZW1ibHlWZXJzaW9uIjoiNC4wMC4wMS4wMCIsIkVkaXRpb24iOiJQcm8iLCJMYXN0U2F2ZWRFZGl0aW9uIjozLCJJc1BsdXNFZGl0aW9uIjp0cnVlLCJJc1Byb0VkaXRpb24iOnRydWV9LCJFZmZlY3QiOjAsIlN0eWxlIjp7IiRpZCI6IjMiLCJUaW1lYmFuZFN0eWxlIjp7IiRpZCI6IjQiLCJTY2FsZU1hcmtpbmciOjEsIlNoYXBlIjox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wLCJHIjowLCJCIjow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yMC4wLCJCb3JkZXJTdHlsZSI6bnVsbCwiUGFyZW50U3R5bGUiOm51bGx9LCJCb3R0b21UaWVyU2hhcGVTdHlsZSI6eyIkaWQiOiIxNCIsIk1hcmdpbiI6eyIkcmVmIjoiNiJ9LCJQYWRkaW5nIjp7IiRyZWYiOiI3In0sIkJhY2tncm91bmQiOnsiJHJlZiI6IjgifSwiSXNWaXNpYmxlIjp0cnVlLCJXaWR0aCI6ODU4LjAsIkhlaWdodCI6Mj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E4OSwiRyI6NTgsIkIiOjQ4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Tg5LCJHIjo1OCwiQiI6NDh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cmVmIjoiMjIifX0sIklzVmlzaWJsZSI6ZmFsc2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MsIlNob3dTZWdtZW50U2VwYXJhdG9ycyI6ZmFsc2UsIlNlZ21lbnRTZXBhcmF0b3JPcGFjaXR5IjozMCwiSGFzQmVlblZpc2libGVCZWZvcmUiOnRydWUsIkZvbnRTZXR0aW5ncyI6eyIkaWQiOiI0MyIsIkZvbnRTaXplIjoxMiwiRm9udE5hbWUiOiJDYWxpYnJpIiwiSXNCb2xkIjpmYWxzZSwiSXNJdGFsaWMiOmZhbHNlLCJJc1VuZGVybGluZWQiOmZhbHNlLCJQYXJlbnRTdHlsZSI6bnVsbH0sIkF1dG9TaXplIjowLCJGb3JlZ3JvdW5kIjp7IiRpZCI6IjQ0IiwiQ29sb3IiOnsiJGlkIjoiNDU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zLCJIZWlnaHQiOjIwLjB9LCJNaWRkbGVUaWVyU2NhbGVTdHlsZSI6eyIkaWQiOiI1MCIsIlNoYXBlIjozLCJTaG93U2VnbWVudFNlcGFyYXRvcnMiOmZhbHNlLCJTZWdtZW50U2VwYXJhdG9yT3BhY2l0eSI6MzAsIkhhc0JlZW5WaXNpYmxlQmVmb3JlIjpmYWxzZSwiRm9udFNldHRpbmdzIjp7IiRpZCI6IjUx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ywiU2hvd1NlZ21lbnRTZXBhcmF0b3JzIjpmYWxzZSwiU2VnbWVudFNlcGFyYXRvck9wYWNpdHkiOjMwLCJIYXNCZWVuVmlzaWJsZUJlZm9yZSI6ZmFsc2UsIkZvbnRTZXR0aW5ncyI6eyIkaWQiOiI1My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EyNywiUiI6MzEsIkciOjczLCJCIjoxMjZ9fSwiTGluZVdlaWdodCI6MS4wLCJMaW5lVHlwZSI6MCwiUGFyZW50U3R5bGUiOm51bGx9LCJJc0JlbG93VGltZWJhbmQiOmZhbHNlLCJQb3NpdGlvbk9uVGFzayI6MCwiSGlkZURhdGUiOmZhbHNlLCJTaGFwZVNpemUiOjEsIlNwYWNpbmciOjI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xODgsIkciOjY5LCJCIjoyN3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EsIkZvbnROYW1lIjoiQ2FsaWJyaSIsIklzQm9sZCI6dHJ1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iLCJGb3JtYXQiOjAsIklzVmlzaWJsZSI6ZmFsc2UsIkxhc3RLbm93blZpc2liaWxpdHlTdGF0ZSI6ZmFsc2V9LCJJc1Zpc2libGUiOnRydWUsIlBhcmVudFN0eWxlIjpudWxsfSwiRGVmYXVsdFRhc2tTdHlsZSI6eyIkaWQiOiI5MCIsIlNoYXBlIjoxLCJTaGFwZVRoaWNrbmVzcyI6MCwiRHVyYXRpb25Gb3JtYXQiOjAsIkluY2x1ZGVOb25Xb3JraW5nRGF5c0luRHVyYXRpb24iOmZhbHNlLCJQZXJjZW50YWdlQ29tcGxldGV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HJlZiI6IjIyIn19LCJJc1Zpc2libGUiOnRydWUsIldpZHRoIjowLjAsIkhlaWdodCI6MC4wLCJCb3JkZXJTdHlsZSI6bnVsbCwiUGFyZW50U3R5bGUiOm51bGx9LCJEdXJhdGlvblN0eWxlIjp7IiRpZCI6Ijk4IiwiRm9udFNldHRpbmdzIjp7IiRpZCI6Ijk5IiwiRm9udFNpemUiOjEwLCJGb250TmFtZSI6IkNhbGlicmkiLCJJc0JvbGQiOmZhbHNlLCJJc0l0YWxpYyI6dHJ1ZSwiSXNVbmRlcmxpbmVkIjpmYWxzZSwiUGFyZW50U3R5bGUiOm51bGx9LCJBdXRvU2l6ZSI6MCwiRm9yZWdyb3VuZCI6eyIkaWQiOiIxMDAiLCJDb2xvciI6eyIkaWQiOiIxMD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QiLCJGb3JtYXQiOjAsIklzVmlzaWJsZSI6ZmFsc2UsIkxhc3RLbm93blZpc2liaWxpdHlTdGF0ZSI6ZmFsc2V9LCJJc1Zpc2libGUiOnRydWUsIlBhcmVudFN0eWxlIjpudWxsLCJfZXhwbGljaXRseVNldCI6eyIkaWQiOiIxMz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nsiJHJlZiI6Ijg3In0sIklzVmlzaWJsZSI6dHJ1ZSwiV2lkdGgiOjAuMCwiSGVpZ2h0IjowLjAsIkJvcmRlclN0eWxlIjp7IiRpZCI6IjI3MyIsIkxpbmVDb2xvciI6bnVsbCwiTGluZVdlaWdodCI6MC4wLCJMaW5lVHlwZSI6MCwiUGFyZW50U3R5bGUiOm51bGx9LCJQYXJlbnRTdHlsZSI6bnVsbH0sIkRhdGVGb3JtYXQiOnsiJGlkIjoiMj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EyIiwiVG9wIjowLjAsIkxlZnQiOjAuMCwiUmlnaHQiOjAuMCwiQm90dG9tIjowLjB9LCJQYWRkaW5nIjp7IiRpZCI6IjMxMyIsIlRvcCI6MC4wLCJMZWZ0IjowLjAsIlJpZ2h0IjowLjAsIkJvdHRvbSI6MC4wfSwiQmFja2dyb3VuZCI6eyIkcmVmIjoiMTMyIn0sIklzVmlzaWJsZSI6dHJ1ZSwiV2lkdGgiOjAuMCwiSGVpZ2h0IjowLjAsIkJvcmRlclN0eWxlIjp7IiRpZCI6IjMxNCIsIkxpbmVDb2xvciI6bnVsbCwiTGluZVdlaWdodCI6MC4wLCJMaW5lVHlwZSI6MCwiUGFyZW50U3R5bGUiOm51bGx9LCJQYXJlbnRTdHlsZSI6bnVsbH0sIkRhdGVGb3JtYXQiOnsiJGlkIjoi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GlkIjoiMzIzIiwiVG9wIjowLjAsIkxlZnQiOjAuMCwiUmlnaHQiOjAuMCwiQm90dG9tIjowLjB9LCJQYWRkaW5nIjp7IiRpZCI6IjMyNCIsIlRvcCI6MC4wLCJMZWZ0IjowLjAsIlJpZ2h0IjowLjAsIkJvdHRvbSI6MC4wfSwiQmFja2dyb3VuZCI6eyIkcmVmIjoiOTc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cmVmIjoiMTA0In0sIklzVmlzaWJsZSI6dHJ1ZSwiV2lkdGgiOjAuMCwiSGVpZ2h0IjowLjAsIkJvcmRlclN0eWxlIjp7IiRpZCI6IjM3MSIsIkxpbmVDb2xvciI6bnVsbCwiTGluZVdlaWdodCI6MC4wLCJMaW5lVHlwZSI6MCwiUGFyZW50U3R5bGUiOm51bGx9LCJQYXJlbnRTdHlsZSI6bnVsbH0sIkhvcml6b250YWxDb25uZWN0b3JTdHlsZSI6eyIkaWQiOiIzNzIiLCJMaW5lQ29sb3IiOnsiJHJlZiI6IjEwNiJ9LCJMaW5lV2VpZ2h0IjoxLjAsIkxpbmVUeXBlIjowLCJQYXJlbnRTdHlsZSI6bnVsbH0sIlZlcnRpY2FsQ29ubmVjdG9yU3R5bGUiOnsiJGlkIjoiMzcz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4LCJGb250TmFtZSI6IkNhbGlicmkiLCJJc0JvbGQiOmZhbHNlLCJJc0l0YWxpYyI6ZmFsc2UsIklzVW5kZXJsaW5lZCI6ZmFsc2UsIlBhcmVudFN0eWxlIjpudWxsfSwiQXV0b1NpemUiOjAsIkZvcmVncm91bmQiOnsiJGlkIjoiMzkxIiwiQ29sb3IiOnsiJHJlZiI6IjEyOSJ9fSwiTWF4V2lkdGgiOjIwMC4wLCJNYXhIZWlnaHQiOiJJbmZpbml0eSIsIlNtYXJ0Rm9yZWdyb3VuZElzQWN0aXZlIjpmYWxzZSwiSG9yaXpvbnRhbEFsaWdubWVudCI6MC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cmVmIjoiMTMyIn0sIklzVmlzaWJsZSI6dHJ1ZSwiV2lkdGgiOjAuMCwiSGVpZ2h0IjowLjAsIkJvcmRlclN0eWxlIjp7IiRpZCI6IjM5NCIsIkxpbmVDb2xvciI6bnVsbCwiTGluZVdlaWdodCI6MC4wLCJMaW5lVHlwZSI6MCwiUGFyZW50U3R5bGUiOm51bGx9LCJQYXJlbnRTdHlsZSI6bnVsbH0sIkRhdGVGb3JtYXQiOnsiJGlkIjoiMz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yZWYiOiIxMDQi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MTA2In0sIkxpbmVXZWlnaHQiOjEuMCwiTGluZVR5cGUiOjAsIlBhcmVudFN0eWxlIjpudWxsfSwiVmVydGljYWxDb25uZWN0b3JTdHlsZSI6eyIkaWQiOiI0NTMiLCJMaW5lQ29sb3IiOnsiJHJlZiI6IjEw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cmVmIjoiMTA0In0sIklzVmlzaWJsZSI6dHJ1ZSwiV2lkdGgiOjAuMCwiSGVpZ2h0IjowLjAsIkJvcmRlclN0eWxlIjp7IiRpZCI6IjUzMSIsIkxpbmVDb2xvciI6bnVsbCwiTGluZVdlaWdodCI6MC4wLCJMaW5lVHlwZSI6MCwiUGFyZW50U3R5bGUiOm51bGx9LCJQYXJlbnRTdHlsZSI6bnVsbH0sIkhvcml6b250YWxDb25uZWN0b3JTdHlsZSI6eyIkaWQiOiI1MzIiLCJMaW5lQ29sb3IiOnsiJHJlZiI6IjEwNiJ9LCJMaW5lV2VpZ2h0IjoxLjAsIkxpbmVUeXBlIjowLCJQYXJlbnRTdHlsZSI6bnVsbH0sIlZlcnRpY2FsQ29ubmVjdG9yU3R5bGUiOnsiJGlkIjoiNTMzIiwiTGluZUNvbG9yIjp7IiRyZWYiOiIxMDk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5MyIsIlRvcCI6MC4wLCJMZWZ0IjowLjAsIlJpZ2h0IjowLjAsIkJvdHRvbSI6MC4wfSwiUGFkZGluZyI6eyIkaWQiOiI1OTQiLCJUb3AiOjAuMCwiTGVmdCI6MC4wLCJSaWdodCI6MC4wLCJCb3R0b20iOjAuMH0sIkJhY2tncm91bmQiOnsiJHJlZiI6IjEzMiJ9LCJJc1Zpc2libGUiOnRydWUsIldpZHRoIjowLjAsIkhlaWdodCI6MC4wLCJCb3JkZXJTdHlsZSI6eyIkaWQiOiI1OTUiLCJMaW5lQ29sb3IiOm51bGwsIkxpbmVXZWlnaHQiOjAuMCwiTGluZVR5cGUiOjAsIlBhcmVudFN0eWxlIjpudWxsfSwiUGFyZW50U3R5bGUiOm51bGx9LCJEYXRlRm9ybWF0Ijp7IiRpZCI6IjU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yZWYiOiIxMDQifSwiSXNWaXNpYmxlIjp0cnVlLCJXaWR0aCI6MC4wLCJIZWlnaHQiOjAuMCwiQm9yZGVyU3R5bGUiOnsiJGlkIjoiNjEzIiwiTGluZUNvbG9yIjpudWxsLCJMaW5lV2VpZ2h0IjowLjAsIkxpbmVUeXBlIjowLCJQYXJlbnRTdHlsZSI6bnVsbH0sIlBhcmVudFN0eWxlIjpudWxsfSwiSG9yaXpvbnRhbENvbm5lY3RvclN0eWxlIjp7IiRpZCI6IjYxNCIsIkxpbmVDb2xvciI6eyIkcmVmIjoiMTA2In0sIkxpbmVXZWlnaHQiOjEuMCwiTGluZVR5cGUiOjAsIlBhcmVudFN0eWxlIjpudWxsfSwiVmVydGljYWxDb25uZWN0b3JTdHlsZSI6eyIkaWQiOiI2MTUiLCJMaW5lQ29sb3IiOnsiJHJlZiI6IjEw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2NzgiLCJUb3AiOjAuMCwiTGVmdCI6MC4wLCJSaWdodCI6MC4wLCJCb3R0b20iOjAuMH0sIlBhZGRpbmciOnsiJGlkIjoiNjc5IiwiVG9wIjowLjAsIkxlZnQiOjAuMCwiUmlnaHQiOjAuMCwiQm90dG9tIjowLjB9LCJCYWNrZ3JvdW5kIjp7IiRyZWYiOiIxMzIifSwiSXNWaXNpYmxlIjp0cnVlLCJXaWR0aCI6MC4wLCJIZWlnaHQiOjAuMCwiQm9yZGVyU3R5bGUiOnsiJGlkIjoiNjgwIiwiTGluZUNvbG9yIjpudWxsLCJMaW5lV2VpZ2h0IjowLjAsIkxpbmVUeXBlIjowLCJQYXJlbnRTdHlsZSI6bnVsbH0sIlBhcmVudFN0eWxlIjpudWxsfSwiRGF0ZUZvcm1hdCI6eyIkaWQiOiI2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kxIiwiVG9wIjowLjAsIkxlZnQiOjAuMCwiUmlnaHQiOjAuMCwiQm90dG9tIjowLjB9LCJQYWRkaW5nIjp7IiRpZCI6IjY5MiIsIlRvcCI6MC4wLCJMZWZ0IjowLjAsIlJpZ2h0IjowLjAsIkJvdHRvbSI6MC4wfSwiQmFja2dyb3VuZCI6eyIkcmVmIjoiOTc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EwLCJGb250TmFtZSI6IkNhbGlicmkiLCJJc0JvbGQiOmZhbHNlLCJJc0l0YWxpYyI6dHJ1ZSwiSXNVbmRlcmxpbmVkIjpmYWxzZSwiUGFyZW50U3R5bGUiOm51bGx9LCJBdXRvU2l6ZSI6MCwiRm9yZWdyb3VuZCI6eyIkaWQiOiI2OTYiLCJDb2xvciI6eyIkaWQiOiI2OT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3MjIiLCJUb3AiOjAuMCwiTGVmdCI6MC4wLCJSaWdodCI6MC4wLCJCb3R0b20iOjAuMH0sIlBhZGRpbmciOnsiJGlkIjoiNzIzIiwiVG9wIjowLjAsIkxlZnQiOjAuMCwiUmlnaHQiOjAuMCwiQm90dG9tIjowLjB9LCJCYWNrZ3JvdW5kIjp7IiRyZWYiOiIxMzIifSwiSXNWaXNpYmxlIjp0cnVlLCJXaWR0aCI6MC4wLCJIZWlnaHQiOjAuMCwiQm9yZGVyU3R5bGUiOnsiJGlkIjoiNzI0IiwiTGluZUNvbG9yIjpudWxsLCJMaW5lV2VpZ2h0IjowLjAsIkxpbmVUeXBlIjowLCJQYXJlbnRTdHlsZSI6bnVsbH0sIlBhcmVudFN0eWxlIjpudWxsfSwiRGF0ZUZvcm1hdCI6eyIkaWQiOiI3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3NjYiLCJUb3AiOjAuMCwiTGVmdCI6MC4wLCJSaWdodCI6MC4wLCJCb3R0b20iOjAuMH0sIlBhZGRpbmciOnsiJGlkIjoiNzY3IiwiVG9wIjowLjAsIkxlZnQiOjAuMCwiUmlnaHQiOjAuMCwiQm90dG9tIjowLjB9LCJCYWNrZ3JvdW5kIjp7IiRyZWYiOiIxMzIifSwiSXNWaXNpYmxlIjp0cnVlLCJXaWR0aCI6MC4wLCJIZWlnaHQiOjAuMCwiQm9yZGVyU3R5bGUiOnsiJGlkIjoiNzY4IiwiTGluZUNvbG9yIjpudWxsLCJMaW5lV2VpZ2h0IjowLjAsIkxpbmVUeXBlIjowLCJQYXJlbnRTdHlsZSI6bnVsbH0sIlBhcmVudFN0eWxlIjpudWxsfSwiRGF0ZUZvcm1hdCI6eyIkaWQiOiI3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cmVmIjoiMTA0In0sIklzVmlzaWJsZSI6dHJ1ZSwiV2lkdGgiOjAuMCwiSGVpZ2h0IjowLjAsIkJvcmRlclN0eWxlIjp7IiRpZCI6Ijc4OCIsIkxpbmVDb2xvciI6bnVsbCwiTGluZVdlaWdodCI6MC4wLCJMaW5lVHlwZSI6MCwiUGFyZW50U3R5bGUiOm51bGx9LCJQYXJlbnRTdHlsZSI6bnVsbH0sIkhvcml6b250YWxDb25uZWN0b3JTdHlsZSI6eyIkaWQiOiI3ODkiLCJMaW5lQ29sb3IiOnsiJHJlZiI6IjEwNiJ9LCJMaW5lV2VpZ2h0IjoxLjAsIkxpbmVUeXBlIjowLCJQYXJlbnRTdHlsZSI6bnVsbH0sIlZlcnRpY2FsQ29ubmVjdG9yU3R5bGUiOnsiJGlkIjoiNzkw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C4wLCJIZWlnaHQiOjAuMCwiQm9yZGVyU3R5bGUiOnsiJGlkIjoiODA1IiwiTGluZUNvbG9yIjpudWxsLCJMaW5lV2VpZ2h0IjowLjAsIkxpbmVUeXBlIjowLCJQYXJlbnRTdHlsZSI6bnVsbH0sIlBhcmVudFN0eWxlIjpudWxsfSwiRGF0ZVN0eWxlIjp7IiRpZCI6IjgwNiIsIkZvbnRTZXR0aW5ncyI6eyIkaWQiOiI4MDciLCJGb250U2l6ZSI6OCwiRm9udE5hbWUiOiJDYWxpYnJpIiwiSXNCb2xkIjpmYWxzZSwiSXNJdGFsaWMiOmZhbHNlLCJJc1VuZGVybGluZWQiOmZhbHNlLCJQYXJlbnRTdHlsZSI6bnVsbH0sIkF1dG9TaXplIjowLCJGb3JlZ3JvdW5kIjp7IiRpZCI6IjgwOCIsIkNvbG9yIjp7IiRpZCI6IjgwOS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gxMCIsIlRvcCI6MC4wLCJMZWZ0IjowLjAsIlJpZ2h0IjowLjAsIkJvdHRvbSI6MC4wfSwiUGFkZGluZyI6eyIkaWQiOiI4MTEiLCJUb3AiOjAuMCwiTGVmdCI6MC4wLCJSaWdodCI6MC4wLCJCb3R0b20iOjAuMH0sIkJhY2tncm91bmQiOnsiJHJlZiI6IjEzMiJ9LCJJc1Zpc2libGUiOnRydWUsIldpZHRoIjowLjAsIkhlaWdodCI6MC4wLCJCb3JkZXJTdHlsZSI6eyIkaWQiOiI4MTIiLCJMaW5lQ29sb3IiOm51bGwsIkxpbmVXZWlnaHQiOjAuMCwiTGluZVR5cGUiOjAsIlBhcmVudFN0eWxlIjpudWxsfSwiUGFyZW50U3R5bGUiOm51bGx9LCJEYXRlRm9ybWF0Ijp7IiRpZCI6Ijg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Y2IiwiVG9wIjowLjAsIkxlZnQiOjAuMCwiUmlnaHQiOjAuMCwiQm90dG9tIjowLjB9LCJQYWRkaW5nIjp7IiRpZCI6Ijg2NyIsIlRvcCI6MC4wLCJMZWZ0IjowLjAsIlJpZ2h0IjowLjAsIkJvdHRvbSI6MC4wfSwiQmFja2dyb3VuZCI6eyIkcmVmIjoiMTA0In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5MCIsIlRvcCI6MC4wLCJMZWZ0IjowLjAsIlJpZ2h0IjowLjAsIkJvdHRvbSI6MC4wfSwiUGFkZGluZyI6eyIkaWQiOiI4OTEiLCJUb3AiOjAuMCwiTGVmdCI6MC4wLCJSaWdodCI6MC4wLCJCb3R0b20iOjAuMH0sIkJhY2tncm91bmQiOnsiJHJlZiI6IjEzMiJ9LCJJc1Zpc2libGUiOnRydWUsIldpZHRoIjowLjAsIkhlaWdodCI6MC4wLCJCb3JkZXJTdHlsZSI6eyIkaWQiOiI4OTIiLCJMaW5lQ29sb3IiOm51bGwsIkxpbmVXZWlnaHQiOjAuMCwiTGluZVR5cGUiOjAsIlBhcmVudFN0eWxlIjpudWxsfSwiUGFyZW50U3R5bGUiOm51bGx9LCJEYXRlRm9ybWF0Ijp7IiRpZCI6Ijg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5MzMiLCJUb3AiOjAuMCwiTGVmdCI6MC4wLCJSaWdodCI6MC4wLCJCb3R0b20iOjAuMH0sIlBhZGRpbmciOnsiJGlkIjoiOTM0IiwiVG9wIjowLjAsIkxlZnQiOjAuMCwiUmlnaHQiOjAuMCwiQm90dG9tIjowLjB9LCJCYWNrZ3JvdW5kIjp7IiRyZWYiOiIxMzIifSwiSXNWaXNpYmxlIjpmYWxzZSwiV2lkdGgiOjAuMCwiSGVpZ2h0IjowLjAsIkJvcmRlclN0eWxlIjp7IiRpZCI6IjkzNSIsIkxpbmVDb2xvciI6bnVsbCwiTGluZVdlaWdodCI6MC4wLCJMaW5lVHlwZSI6MCwiUGFyZW50U3R5bGUiOm51bGx9LCJQYXJlbnRTdHlsZSI6bnVsbH0sIkRhdGVGb3JtYXQiOnsiJGlkIjoiOT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k3NiIsIlRvcCI6MC4wLCJMZWZ0IjowLjAsIlJpZ2h0IjowLjAsIkJvdHRvbSI6MC4wfSwiUGFkZGluZyI6eyIkaWQiOiI5NzciLCJUb3AiOjAuMCwiTGVmdCI6MC4wLCJSaWdodCI6MC4wLCJCb3R0b20iOjAuMH0sIkJhY2tncm91bmQiOnsiJHJlZiI6IjEzMiJ9LCJJc1Zpc2libGUiOnRydWUsIldpZHRoIjowLjAsIkhlaWdodCI6MC4wLCJCb3JkZXJTdHlsZSI6eyIkaWQiOiI5NzgiLCJMaW5lQ29sb3IiOm51bGwsIkxpbmVXZWlnaHQiOjAuMCwiTGluZVR5cGUiOjAsIlBhcmVudFN0eWxlIjpudWxsfSwiUGFyZW50U3R5bGUiOm51bGx9LCJEYXRlRm9ybWF0Ijp7IiRpZCI6Ijk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MTAxOSIsIlRvcCI6MC4wLCJMZWZ0IjowLjAsIlJpZ2h0IjowLjAsIkJvdHRvbSI6MC4wfSwiUGFkZGluZyI6eyIkaWQiOiIxMDIwIiwiVG9wIjowLjAsIkxlZnQiOjAuMCwiUmlnaHQiOjAuMCwiQm90dG9tIjowLjB9LCJCYWNrZ3JvdW5kIjp7IiRyZWYiOiIxMzIifSwiSXNWaXNpYmxlIjp0cnVlLCJXaWR0aCI6MC4wLCJIZWlnaHQiOjAuMCwiQm9yZGVyU3R5bGUiOnsiJGlkIjoiMTAyMSIsIkxpbmVDb2xvciI6bnVsbCwiTGluZVdlaWdodCI6MC4wLCJMaW5lVHlwZSI6MCwiUGFyZW50U3R5bGUiOm51bGx9LCJQYXJlbnRTdHlsZSI6bnVsbH0sIkRhdGVGb3JtYXQiOnsiJGlkIjoiMTA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yZWYiOiIxMzIifSwiSXNWaXNpYmxlIjp0cnVlLCJXaWR0aCI6MC4wLCJIZWlnaHQiOjAuMCwiQm9yZGVyU3R5bGUiOnsiJGlkIjoiMTA2NCIsIkxpbmVDb2xvciI6bnVsbCwiTGluZVdlaWdodCI6MC4wLCJMaW5lVHlwZSI6MCwiUGFyZW50U3R5bGUiOm51bGx9LCJQYXJlbnRTdHlsZSI6bnVsbH0sIkRhdGVGb3JtYXQiOnsiJGlkIjoiMTA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xMTA1IiwiVG9wIjowLjAsIkxlZnQiOjAuMCwiUmlnaHQiOjAuMCwiQm90dG9tIjowLjB9LCJQYWRkaW5nIjp7IiRpZCI6IjExMDYiLCJUb3AiOjAuMCwiTGVmdCI6MC4wLCJSaWdodCI6MC4wLCJCb3R0b20iOjAuMH0sIkJhY2tncm91bmQiOnsiJHJlZiI6IjEzMiJ9LCJJc1Zpc2libGUiOnRydWUsIldpZHRoIjowLjAsIkhlaWdodCI6MC4wLCJCb3JkZXJTdHlsZSI6eyIkaWQiOiIxMTA3IiwiTGluZUNvbG9yIjpudWxsLCJMaW5lV2VpZ2h0IjowLjAsIkxpbmVUeXBlIjowLCJQYXJlbnRTdHlsZSI6bnVsbH0sIlBhcmVudFN0eWxlIjpudWxsfSwiRGF0ZUZvcm1hdCI6eyIkaWQiOiIxMT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MTE0NCIsIlRvcCI6MC4wLCJMZWZ0IjowLjAsIlJpZ2h0IjowLjAsIkJvdHRvbSI6MC4wfSwiUGFkZGluZyI6eyIkaWQiOiIxMTQ1IiwiVG9wIjowLjAsIkxlZnQiOjAuMCwiUmlnaHQiOjAuMCwiQm90dG9tIjowLjB9LCJCYWNrZ3JvdW5kIjp7IiRyZWYiOiIxMzIifSwiSXNWaXNpYmxlIjpmYWxzZSwiV2lkdGgiOjAuMCwiSGVpZ2h0IjowLjAsIkJvcmRlclN0eWxlIjp7IiRpZCI6IjExNDYiLCJMaW5lQ29sb3IiOm51bGwsIkxpbmVXZWlnaHQiOjAuMCwiTGluZVR5cGUiOjAsIlBhcmVudFN0eWxlIjpudWxsfSwiUGFyZW50U3R5bGUiOm51bGx9LCJEYXRlRm9ybWF0Ijp7IiRpZCI6IjEx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ExNTIiLCJJbXBhT3B0aW9ucyI6eyIkaWQiOiIxMTU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E1NCIsIlVzZVRpbWUiOmZhbHNlLCJXb3JrRGF5U3RhcnQiOiIwMDowMDowMCIsIldvcmtEYXlFbmQiOiIyMzo1OTowMCJ9LCJMYXN0VXNlZFRlbXBsYXRlSWQiOiJiODlmYWY4MC0wNDhlLTQ1OWMtYjY2ZS0wODFhZjZlNDg1Nzc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6-05-23T00:00:00.0000000Z"/>
  <p:tag name="OTLTIMEBANDENDDATE" val="2019-01-14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8T00:00:00.0000000Z"/>
  <p:tag name="OTLENDDATE" val="2018-04-10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8T00:00:00.0000000Z"/>
  <p:tag name="OTLENDDATE" val="2018-01-24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26T00:00:00.0000000Z"/>
  <p:tag name="OTLENDDATE" val="2018-02-12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2-14T00:00:00.0000000Z"/>
  <p:tag name="OTLENDDATE" val="2018-03-02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04T00:00:00.0000000Z"/>
  <p:tag name="OTLENDDATE" val="2018-03-2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23T00:00:00.0000000Z"/>
  <p:tag name="OTLENDDATE" val="2018-04-1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2-14T00:00:00.0000000Z"/>
  <p:tag name="OTLENDDATE" val="2018-04-10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4-11T00:00:00.0000000Z"/>
  <p:tag name="OTLENDDATE" val="2018-07-13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4-11T00:00:00.0000000Z"/>
  <p:tag name="OTLENDDATE" val="2018-04-27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4-29T00:00:00.0000000Z"/>
  <p:tag name="OTLENDDATE" val="2018-05-1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5-18T00:00:00.0000000Z"/>
  <p:tag name="OTLENDDATE" val="2018-06-0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6-07T00:00:00.0000000Z"/>
  <p:tag name="OTLENDDATE" val="2018-06-2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6-27T00:00:00.0000000Z"/>
  <p:tag name="OTLENDDATE" val="2018-07-13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5-18T00:00:00.0000000Z"/>
  <p:tag name="OTLENDDATE" val="2018-07-13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7-14T00:00:00.0000000Z"/>
  <p:tag name="OTLENDDATE" val="2018-10-17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7-14T00:00:00.0000000Z"/>
  <p:tag name="OTLENDDATE" val="2018-07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02T00:00:00.0000000Z"/>
  <p:tag name="OTLENDDATE" val="2018-08-2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22T00:00:00.0000000Z"/>
  <p:tag name="OTLENDDATE" val="2018-09-07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9-09T00:00:00.0000000Z"/>
  <p:tag name="OTLENDDATE" val="2018-09-2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9-28T00:00:00.0000000Z"/>
  <p:tag name="OTLENDDATE" val="2018-10-16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22T00:00:00.0000000Z"/>
  <p:tag name="OTLENDDATE" val="2018-10-17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1"/>
  <p:tag name="OTLDATE" val="2018-04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2"/>
  <p:tag name="OTLDATE" val="2018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3"/>
  <p:tag name="OTLDATE" val="2018-10-1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5</Words>
  <Application>Microsoft Office PowerPoint</Application>
  <PresentationFormat>Widescreen</PresentationFormat>
  <Paragraphs>5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roduct Release Schedul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0-17T14:22:56Z</dcterms:created>
  <dcterms:modified xsi:type="dcterms:W3CDTF">2022-10-17T14:23:08Z</dcterms:modified>
</cp:coreProperties>
</file>